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0-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0-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ers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5" name="Afbeelding 4" descr="Afbeelding met tekst, Lettertype, Graphics, logo&#10;&#10;Automatisch gegenereerde beschrijving">
            <a:extLst>
              <a:ext uri="{FF2B5EF4-FFF2-40B4-BE49-F238E27FC236}">
                <a16:creationId xmlns:a16="http://schemas.microsoft.com/office/drawing/2014/main" id="{F494B9C2-3132-3D3E-FE00-9853B624837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339653"/>
            <a:ext cx="2030412" cy="231467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Graphics, logo&#10;&#10;Automatisch gegenereerde beschrijving">
            <a:extLst>
              <a:ext uri="{FF2B5EF4-FFF2-40B4-BE49-F238E27FC236}">
                <a16:creationId xmlns:a16="http://schemas.microsoft.com/office/drawing/2014/main" id="{A4A7741F-5A81-D123-D1C6-64D17FC49F0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97049" y="3810592"/>
            <a:ext cx="1331976" cy="151845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8-30T13:40:50Z</dcterms:modified>
</cp:coreProperties>
</file>